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0"/>
  </p:notesMasterIdLst>
  <p:sldIdLst>
    <p:sldId id="258" r:id="rId2"/>
    <p:sldId id="307" r:id="rId3"/>
    <p:sldId id="306" r:id="rId4"/>
    <p:sldId id="308" r:id="rId5"/>
    <p:sldId id="317" r:id="rId6"/>
    <p:sldId id="270" r:id="rId7"/>
    <p:sldId id="309" r:id="rId8"/>
    <p:sldId id="311" r:id="rId9"/>
    <p:sldId id="283" r:id="rId10"/>
    <p:sldId id="284" r:id="rId11"/>
    <p:sldId id="271" r:id="rId12"/>
    <p:sldId id="285" r:id="rId13"/>
    <p:sldId id="316" r:id="rId14"/>
    <p:sldId id="313" r:id="rId15"/>
    <p:sldId id="266" r:id="rId16"/>
    <p:sldId id="318" r:id="rId17"/>
    <p:sldId id="319" r:id="rId18"/>
    <p:sldId id="320" r:id="rId19"/>
    <p:sldId id="321" r:id="rId20"/>
    <p:sldId id="322" r:id="rId21"/>
    <p:sldId id="323" r:id="rId22"/>
    <p:sldId id="324" r:id="rId23"/>
    <p:sldId id="325" r:id="rId24"/>
    <p:sldId id="326" r:id="rId25"/>
    <p:sldId id="327" r:id="rId26"/>
    <p:sldId id="328" r:id="rId27"/>
    <p:sldId id="329" r:id="rId28"/>
    <p:sldId id="330" r:id="rId2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00FF"/>
    <a:srgbClr val="3399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853" autoAdjust="0"/>
    <p:restoredTop sz="94660"/>
  </p:normalViewPr>
  <p:slideViewPr>
    <p:cSldViewPr snapToGrid="0">
      <p:cViewPr varScale="1">
        <p:scale>
          <a:sx n="74" d="100"/>
          <a:sy n="74" d="100"/>
        </p:scale>
        <p:origin x="582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4A25DA3-B5DF-47CE-ACB7-9A12E0DC14AB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6A66B9D-D558-4766-8262-355F39A757E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671388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BD891930-92D8-403B-BA92-6E72145AEBA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="" xmlns:a16="http://schemas.microsoft.com/office/drawing/2014/main" id="{2F8A1491-0E9F-4E5C-A714-2908F971584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77FC2414-A1F7-46A6-AF41-2801C2BCF5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9B01FD3E-6210-48B7-8B4D-2D4556C01F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E90113EA-60F4-4A4D-A0C2-0091477697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934197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A7C5E917-3568-4A6B-8ADB-F41984BB63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="" xmlns:a16="http://schemas.microsoft.com/office/drawing/2014/main" id="{EBE8C2AB-DE6B-40BF-B8A9-93A712B6803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0C94E841-0BBB-46CE-BC2C-D50B12B9B1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31AD876A-2366-4405-8820-92B4FADF0A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93F8672E-A3C3-4249-B3DE-F8E934251E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697527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="" xmlns:a16="http://schemas.microsoft.com/office/drawing/2014/main" id="{67763808-F5A3-4BBB-A32C-F68B2209F07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="" xmlns:a16="http://schemas.microsoft.com/office/drawing/2014/main" id="{EDCDB483-AA05-46E4-B885-EB727D22D76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42BDC6CE-3CE7-46F4-9131-9801B8C0F8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4CCB10BF-4E1E-4D9F-BB91-8637099A89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4047DF7D-BA39-4E94-BE57-552F099770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494418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D0340844-5196-4151-8ECE-1CA17CAD9A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917B69DB-DC81-4BEF-B71E-888685C2281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B4897EEC-F026-49EC-90CE-7F31E4CB0F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DCEBD79B-5A7D-478E-8D11-7D470E43F5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C55CB364-B076-4688-B468-053C5F292D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317451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11B4094F-6F28-4983-8A1A-59537CDE5B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72AEB4C9-C122-4A4F-BC06-DFC74D0E33C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DE397189-9D9C-4854-A72E-F180D0226B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773C82AF-E421-4D98-9C6E-029F613BD7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1B5435FB-7E4A-4B6A-9F9D-831B458B02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828281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AA619B6D-1A3F-4093-A4D1-AF6D68FC02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63D27D00-89CB-43F9-9FFB-BD18CD334ED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="" xmlns:a16="http://schemas.microsoft.com/office/drawing/2014/main" id="{7DDCEF02-27B8-4DA3-A57F-85523D95CC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EE1B58DC-C1BF-4DED-93D0-83BBC94A7C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08BB12B0-347C-4D2F-9BC1-C25DDE813D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E61D9091-D9D9-45F5-AE88-BA336894BD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403692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22CC524E-5332-4279-9A1D-C64914CCB0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D557EBBE-B52D-4557-9FC8-2939204708B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="" xmlns:a16="http://schemas.microsoft.com/office/drawing/2014/main" id="{21E3E44F-4BCE-4344-869E-1B3D5DE587D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="" xmlns:a16="http://schemas.microsoft.com/office/drawing/2014/main" id="{47B16DC8-3321-4112-80B3-B6BD018401D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="" xmlns:a16="http://schemas.microsoft.com/office/drawing/2014/main" id="{8A909110-9DEC-48EA-ACCF-BBABD997BBD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="" xmlns:a16="http://schemas.microsoft.com/office/drawing/2014/main" id="{775B30FC-9986-47DF-B683-A3A359E8D3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="" xmlns:a16="http://schemas.microsoft.com/office/drawing/2014/main" id="{50B6543D-0BA6-4734-BA0E-DD24549204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="" xmlns:a16="http://schemas.microsoft.com/office/drawing/2014/main" id="{920316AE-2485-4A0F-AB10-A1F4CB060B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7780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CA65059A-48E7-4070-8047-62DB04C4B6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="" xmlns:a16="http://schemas.microsoft.com/office/drawing/2014/main" id="{C0978CF3-5117-4FB5-9D86-22381FC83C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="" xmlns:a16="http://schemas.microsoft.com/office/drawing/2014/main" id="{868B14D0-4C87-4580-A12F-268042D49F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="" xmlns:a16="http://schemas.microsoft.com/office/drawing/2014/main" id="{877FC36C-98A4-4998-9F4B-ADEECB2709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4778091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="" xmlns:a16="http://schemas.microsoft.com/office/drawing/2014/main" id="{1283EFA0-89E0-4225-B10C-99EF3F8980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="" xmlns:a16="http://schemas.microsoft.com/office/drawing/2014/main" id="{694BA8FE-93E5-4AF6-9A72-4B8C5D54F8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="" xmlns:a16="http://schemas.microsoft.com/office/drawing/2014/main" id="{BCA4376A-4451-4FBB-8FB4-C1783EC550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277952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0ED91610-AF6F-4702-AE30-EC22335EED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29C7510A-2766-4C6D-9023-75B35A6F67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="" xmlns:a16="http://schemas.microsoft.com/office/drawing/2014/main" id="{2B82790C-98FE-40B3-AB01-CF7AE4E2393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9A5D0329-956E-446A-A687-07C0874B71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8E4C7CAA-F64E-40E7-A18D-AEB0FA3951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8EC901F7-7830-41DC-9BD9-1A3B52028B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4412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5F396150-ACC7-4CD9-BCCA-44356D016F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="" xmlns:a16="http://schemas.microsoft.com/office/drawing/2014/main" id="{C746C30B-1FAD-4701-A870-64D1D28095F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="" xmlns:a16="http://schemas.microsoft.com/office/drawing/2014/main" id="{B496194D-D802-448E-8FA4-EB0D0222EA4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89677521-B66F-4478-B12A-5AC7EA6A0A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F80688B6-0BFC-4159-8E7B-56804137CA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3CB780C0-DC61-4861-BA5E-276C3B62AD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856477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="" xmlns:a16="http://schemas.microsoft.com/office/drawing/2014/main" id="{F5F8EDD7-2862-4FA0-AFE0-7A846FED3C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C40E3357-BADE-486E-820E-5668E33403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2713A03F-F733-4F39-900D-18480D0173F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026C9A-FD14-4869-AF36-9F01CE4DC2E7}" type="datetimeFigureOut">
              <a:rPr lang="en-GB" smtClean="0"/>
              <a:t>10/05/2018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91E388F1-752A-405C-AF58-22F31A09DA0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7A7C3FDF-AFB4-4E00-A7EF-F364A023E05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361C81-2D2E-4443-A538-1886236A883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04322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0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g"/><Relationship Id="rId1" Type="http://schemas.openxmlformats.org/officeDocument/2006/relationships/slideLayout" Target="../slideLayouts/slideLayout4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g"/><Relationship Id="rId1" Type="http://schemas.openxmlformats.org/officeDocument/2006/relationships/slideLayout" Target="../slideLayouts/slideLayout4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="" xmlns:a16="http://schemas.microsoft.com/office/drawing/2014/main" id="{EC8617F9-B999-4478-9C91-D6D531BCCE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6000" dirty="0">
                <a:latin typeface="Arial" panose="020B0604020202020204" pitchFamily="34" charset="0"/>
                <a:cs typeface="Arial" panose="020B0604020202020204" pitchFamily="34" charset="0"/>
              </a:rPr>
              <a:t>BODRPG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="" xmlns:a16="http://schemas.microsoft.com/office/drawing/2014/main" id="{374C0733-02A2-423B-A94D-B093A182CD3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8733" y="1690688"/>
            <a:ext cx="10755887" cy="4607081"/>
          </a:xfrm>
        </p:spPr>
        <p:txBody>
          <a:bodyPr>
            <a:normAutofit/>
          </a:bodyPr>
          <a:lstStyle/>
          <a:p>
            <a:pPr lvl="1"/>
            <a:r>
              <a:rPr lang="en-GB" sz="4000" dirty="0" smtClean="0">
                <a:latin typeface="Arial" panose="020B0604020202020204" pitchFamily="34" charset="0"/>
                <a:cs typeface="Arial" panose="020B0604020202020204" pitchFamily="34" charset="0"/>
              </a:rPr>
              <a:t>B </a:t>
            </a:r>
            <a:r>
              <a:rPr lang="en-GB" sz="40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ook</a:t>
            </a:r>
            <a:endParaRPr lang="en-GB" sz="4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en-GB" sz="4000" dirty="0">
                <a:latin typeface="Arial" panose="020B0604020202020204" pitchFamily="34" charset="0"/>
                <a:cs typeface="Arial" panose="020B0604020202020204" pitchFamily="34" charset="0"/>
              </a:rPr>
              <a:t>O f</a:t>
            </a:r>
          </a:p>
          <a:p>
            <a:pPr lvl="1"/>
            <a:r>
              <a:rPr lang="en-GB" sz="4000" dirty="0">
                <a:latin typeface="Arial" panose="020B0604020202020204" pitchFamily="34" charset="0"/>
                <a:cs typeface="Arial" panose="020B0604020202020204" pitchFamily="34" charset="0"/>
              </a:rPr>
              <a:t>D </a:t>
            </a:r>
            <a:r>
              <a:rPr lang="en-GB" sz="4000" dirty="0" err="1">
                <a:latin typeface="Arial" panose="020B0604020202020204" pitchFamily="34" charset="0"/>
                <a:cs typeface="Arial" panose="020B0604020202020204" pitchFamily="34" charset="0"/>
              </a:rPr>
              <a:t>iscipline</a:t>
            </a:r>
            <a:endParaRPr lang="en-GB" sz="4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/>
            <a:r>
              <a:rPr lang="en-GB" sz="4000" dirty="0">
                <a:latin typeface="Arial" panose="020B0604020202020204" pitchFamily="34" charset="0"/>
                <a:cs typeface="Arial" panose="020B0604020202020204" pitchFamily="34" charset="0"/>
              </a:rPr>
              <a:t>R </a:t>
            </a:r>
            <a:r>
              <a:rPr lang="en-GB" sz="4000" dirty="0" err="1">
                <a:latin typeface="Arial" panose="020B0604020202020204" pitchFamily="34" charset="0"/>
                <a:cs typeface="Arial" panose="020B0604020202020204" pitchFamily="34" charset="0"/>
              </a:rPr>
              <a:t>evision</a:t>
            </a:r>
            <a:r>
              <a:rPr lang="en-GB" sz="40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  <a:p>
            <a:pPr lvl="1"/>
            <a:r>
              <a:rPr lang="en-GB" sz="4000" dirty="0">
                <a:latin typeface="Arial" panose="020B0604020202020204" pitchFamily="34" charset="0"/>
                <a:cs typeface="Arial" panose="020B0604020202020204" pitchFamily="34" charset="0"/>
              </a:rPr>
              <a:t>P reparation </a:t>
            </a:r>
          </a:p>
          <a:p>
            <a:pPr lvl="1"/>
            <a:r>
              <a:rPr lang="en-GB" sz="4000" dirty="0">
                <a:latin typeface="Arial" panose="020B0604020202020204" pitchFamily="34" charset="0"/>
                <a:cs typeface="Arial" panose="020B0604020202020204" pitchFamily="34" charset="0"/>
              </a:rPr>
              <a:t>G </a:t>
            </a:r>
            <a:r>
              <a:rPr lang="en-GB" sz="4000" dirty="0" err="1">
                <a:latin typeface="Arial" panose="020B0604020202020204" pitchFamily="34" charset="0"/>
                <a:cs typeface="Arial" panose="020B0604020202020204" pitchFamily="34" charset="0"/>
              </a:rPr>
              <a:t>roup</a:t>
            </a:r>
            <a:r>
              <a:rPr lang="en-GB" sz="4000" dirty="0">
                <a:latin typeface="Arial" panose="020B0604020202020204" pitchFamily="34" charset="0"/>
                <a:cs typeface="Arial" panose="020B0604020202020204" pitchFamily="34" charset="0"/>
              </a:rPr>
              <a:t>				</a:t>
            </a:r>
            <a:r>
              <a:rPr lang="en-GB" sz="4000" dirty="0" smtClean="0">
                <a:latin typeface="Arial" panose="020B0604020202020204" pitchFamily="34" charset="0"/>
                <a:cs typeface="Arial" panose="020B0604020202020204" pitchFamily="34" charset="0"/>
              </a:rPr>
              <a:t>	(</a:t>
            </a:r>
            <a:r>
              <a:rPr lang="en-GB" sz="4000" dirty="0">
                <a:latin typeface="Arial" panose="020B0604020202020204" pitchFamily="34" charset="0"/>
                <a:cs typeface="Arial" panose="020B0604020202020204" pitchFamily="34" charset="0"/>
              </a:rPr>
              <a:t>RPG for short)</a:t>
            </a:r>
          </a:p>
        </p:txBody>
      </p:sp>
    </p:spTree>
    <p:extLst>
      <p:ext uri="{BB962C8B-B14F-4D97-AF65-F5344CB8AC3E}">
        <p14:creationId xmlns:p14="http://schemas.microsoft.com/office/powerpoint/2010/main" val="1391978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400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0555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Content Placeholder 4">
            <a:extLst>
              <a:ext uri="{FF2B5EF4-FFF2-40B4-BE49-F238E27FC236}">
                <a16:creationId xmlns="" xmlns:a16="http://schemas.microsoft.com/office/drawing/2014/main" id="{0C9C1D4D-E04D-49D9-B2CB-FD4D6D82F883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08486" y="0"/>
            <a:ext cx="8742582" cy="6896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8191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8964"/>
            <a:ext cx="12192000" cy="1335741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1335741"/>
            <a:ext cx="3953435" cy="5463057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3434" y="1335740"/>
            <a:ext cx="8238565" cy="147917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58781" y="2785314"/>
            <a:ext cx="7496174" cy="128195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22376" y="4130331"/>
            <a:ext cx="7286378" cy="26684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265648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l="-2000" r="-2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9576" y="1602889"/>
            <a:ext cx="7512424" cy="52551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44311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l="-2000" r="-2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9576" y="1602889"/>
            <a:ext cx="7512424" cy="5255111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-1650139" y="2268069"/>
            <a:ext cx="14756801" cy="3316942"/>
          </a:xfrm>
          <a:prstGeom prst="rect">
            <a:avLst/>
          </a:prstGeom>
          <a:solidFill>
            <a:srgbClr val="3399FF"/>
          </a:solidFill>
        </p:spPr>
      </p:pic>
      <p:sp>
        <p:nvSpPr>
          <p:cNvPr id="7" name="Freeform 6"/>
          <p:cNvSpPr/>
          <p:nvPr/>
        </p:nvSpPr>
        <p:spPr>
          <a:xfrm>
            <a:off x="3340564" y="2447365"/>
            <a:ext cx="4872889" cy="3010626"/>
          </a:xfrm>
          <a:custGeom>
            <a:avLst/>
            <a:gdLst>
              <a:gd name="connsiteX0" fmla="*/ 998354 w 4872889"/>
              <a:gd name="connsiteY0" fmla="*/ 0 h 3010626"/>
              <a:gd name="connsiteX1" fmla="*/ 4342189 w 4872889"/>
              <a:gd name="connsiteY1" fmla="*/ 484094 h 3010626"/>
              <a:gd name="connsiteX2" fmla="*/ 4449765 w 4872889"/>
              <a:gd name="connsiteY2" fmla="*/ 1479176 h 3010626"/>
              <a:gd name="connsiteX3" fmla="*/ 281177 w 4872889"/>
              <a:gd name="connsiteY3" fmla="*/ 1855694 h 3010626"/>
              <a:gd name="connsiteX4" fmla="*/ 594942 w 4872889"/>
              <a:gd name="connsiteY4" fmla="*/ 2877670 h 3010626"/>
              <a:gd name="connsiteX5" fmla="*/ 2343060 w 4872889"/>
              <a:gd name="connsiteY5" fmla="*/ 2967317 h 30106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872889" h="3010626">
                <a:moveTo>
                  <a:pt x="998354" y="0"/>
                </a:moveTo>
                <a:cubicBezTo>
                  <a:pt x="2382654" y="118782"/>
                  <a:pt x="3766954" y="237565"/>
                  <a:pt x="4342189" y="484094"/>
                </a:cubicBezTo>
                <a:cubicBezTo>
                  <a:pt x="4917424" y="730623"/>
                  <a:pt x="5126600" y="1250576"/>
                  <a:pt x="4449765" y="1479176"/>
                </a:cubicBezTo>
                <a:cubicBezTo>
                  <a:pt x="3772930" y="1707776"/>
                  <a:pt x="923647" y="1622612"/>
                  <a:pt x="281177" y="1855694"/>
                </a:cubicBezTo>
                <a:cubicBezTo>
                  <a:pt x="-361294" y="2088776"/>
                  <a:pt x="251295" y="2692399"/>
                  <a:pt x="594942" y="2877670"/>
                </a:cubicBezTo>
                <a:cubicBezTo>
                  <a:pt x="938589" y="3062941"/>
                  <a:pt x="1640824" y="3015129"/>
                  <a:pt x="2343060" y="2967317"/>
                </a:cubicBezTo>
              </a:path>
            </a:pathLst>
          </a:custGeom>
          <a:ln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968779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Content Placeholder 3">
            <a:extLst>
              <a:ext uri="{FF2B5EF4-FFF2-40B4-BE49-F238E27FC236}">
                <a16:creationId xmlns="" xmlns:a16="http://schemas.microsoft.com/office/drawing/2014/main" id="{E4FDEEAC-4753-4AE6-9ADD-3817023B9AC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59621" y="0"/>
            <a:ext cx="5927180" cy="71322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00211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9576" y="1602889"/>
            <a:ext cx="7512424" cy="52551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34912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="" xmlns:a16="http://schemas.microsoft.com/office/drawing/2014/main" id="{05DAF014-C4BD-44E7-AFE5-4775B6E846F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7" y="853452"/>
            <a:ext cx="5157787" cy="823912"/>
          </a:xfrm>
        </p:spPr>
        <p:txBody>
          <a:bodyPr/>
          <a:lstStyle/>
          <a:p>
            <a:r>
              <a:rPr lang="en-GB" sz="4000" dirty="0">
                <a:latin typeface="Arial" panose="020B0604020202020204" pitchFamily="34" charset="0"/>
                <a:cs typeface="Arial" panose="020B0604020202020204" pitchFamily="34" charset="0"/>
              </a:rPr>
              <a:t>Core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="" xmlns:a16="http://schemas.microsoft.com/office/drawing/2014/main" id="{B8B09F1B-7B18-4CD9-8A9D-01A1F048D5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7" y="1909173"/>
            <a:ext cx="5157786" cy="4280489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3600" dirty="0">
                <a:latin typeface="Arial" panose="020B0604020202020204" pitchFamily="34" charset="0"/>
                <a:cs typeface="Arial" panose="020B0604020202020204" pitchFamily="34" charset="0"/>
              </a:rPr>
              <a:t>Principles</a:t>
            </a:r>
          </a:p>
          <a:p>
            <a:pPr marL="0" indent="0">
              <a:buNone/>
            </a:pPr>
            <a:r>
              <a:rPr lang="en-GB" sz="3600" dirty="0">
                <a:latin typeface="Arial" panose="020B0604020202020204" pitchFamily="34" charset="0"/>
                <a:cs typeface="Arial" panose="020B0604020202020204" pitchFamily="34" charset="0"/>
              </a:rPr>
              <a:t>Agreed by YM</a:t>
            </a:r>
          </a:p>
          <a:p>
            <a:pPr marL="0" indent="0">
              <a:buNone/>
            </a:pPr>
            <a:r>
              <a:rPr lang="en-GB" sz="3600" dirty="0">
                <a:latin typeface="Arial" panose="020B0604020202020204" pitchFamily="34" charset="0"/>
                <a:cs typeface="Arial" panose="020B0604020202020204" pitchFamily="34" charset="0"/>
              </a:rPr>
              <a:t>Printed and online</a:t>
            </a:r>
          </a:p>
          <a:p>
            <a:pPr marL="0" indent="0">
              <a:buNone/>
            </a:pPr>
            <a:r>
              <a:rPr lang="en-GB" sz="3600" dirty="0" err="1">
                <a:latin typeface="Arial" panose="020B0604020202020204" pitchFamily="34" charset="0"/>
                <a:cs typeface="Arial" panose="020B0604020202020204" pitchFamily="34" charset="0"/>
              </a:rPr>
              <a:t>Eg</a:t>
            </a:r>
            <a:r>
              <a:rPr lang="en-GB" sz="3600" dirty="0">
                <a:latin typeface="Arial" panose="020B0604020202020204" pitchFamily="34" charset="0"/>
                <a:cs typeface="Arial" panose="020B0604020202020204" pitchFamily="34" charset="0"/>
              </a:rPr>
              <a:t> How we hold a business meeting and why</a:t>
            </a:r>
          </a:p>
          <a:p>
            <a:pPr marL="0" indent="0">
              <a:buNone/>
            </a:pPr>
            <a:r>
              <a:rPr lang="en-GB" sz="3600" dirty="0">
                <a:latin typeface="Arial" panose="020B0604020202020204" pitchFamily="34" charset="0"/>
                <a:cs typeface="Arial" panose="020B0604020202020204" pitchFamily="34" charset="0"/>
              </a:rPr>
              <a:t>Experienc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="" xmlns:a16="http://schemas.microsoft.com/office/drawing/2014/main" id="{F812DF2A-227C-45D3-9445-0E9C0086F66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853452"/>
            <a:ext cx="5183188" cy="823912"/>
          </a:xfrm>
        </p:spPr>
        <p:txBody>
          <a:bodyPr>
            <a:normAutofit/>
          </a:bodyPr>
          <a:lstStyle/>
          <a:p>
            <a:r>
              <a:rPr lang="en-GB" sz="4000" dirty="0">
                <a:latin typeface="Arial" panose="020B0604020202020204" pitchFamily="34" charset="0"/>
                <a:cs typeface="Arial" panose="020B0604020202020204" pitchFamily="34" charset="0"/>
              </a:rPr>
              <a:t>Supplementary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="" xmlns:a16="http://schemas.microsoft.com/office/drawing/2014/main" id="{C4ADA2E3-047A-40D5-B9BF-2DD54B89A6A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1909172"/>
            <a:ext cx="5183188" cy="4388885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3600" dirty="0">
                <a:latin typeface="Arial" panose="020B0604020202020204" pitchFamily="34" charset="0"/>
                <a:cs typeface="Arial" panose="020B0604020202020204" pitchFamily="34" charset="0"/>
              </a:rPr>
              <a:t>Handbooks</a:t>
            </a:r>
          </a:p>
          <a:p>
            <a:pPr marL="0" indent="0">
              <a:buNone/>
            </a:pPr>
            <a:r>
              <a:rPr lang="en-GB" sz="3600" dirty="0">
                <a:latin typeface="Arial" panose="020B0604020202020204" pitchFamily="34" charset="0"/>
                <a:cs typeface="Arial" panose="020B0604020202020204" pitchFamily="34" charset="0"/>
              </a:rPr>
              <a:t>Agreed by appropriate body</a:t>
            </a:r>
          </a:p>
          <a:p>
            <a:pPr marL="0" indent="0">
              <a:buNone/>
            </a:pPr>
            <a:r>
              <a:rPr lang="en-GB" sz="3600" dirty="0">
                <a:latin typeface="Arial" panose="020B0604020202020204" pitchFamily="34" charset="0"/>
                <a:cs typeface="Arial" panose="020B0604020202020204" pitchFamily="34" charset="0"/>
              </a:rPr>
              <a:t>Online and can be printed</a:t>
            </a:r>
          </a:p>
          <a:p>
            <a:pPr marL="0" indent="0">
              <a:buNone/>
            </a:pPr>
            <a:r>
              <a:rPr lang="en-GB" sz="3600" dirty="0" err="1">
                <a:latin typeface="Arial" panose="020B0604020202020204" pitchFamily="34" charset="0"/>
                <a:cs typeface="Arial" panose="020B0604020202020204" pitchFamily="34" charset="0"/>
              </a:rPr>
              <a:t>Eg</a:t>
            </a:r>
            <a:r>
              <a:rPr lang="en-GB" sz="3600" dirty="0">
                <a:latin typeface="Arial" panose="020B0604020202020204" pitchFamily="34" charset="0"/>
                <a:cs typeface="Arial" panose="020B0604020202020204" pitchFamily="34" charset="0"/>
              </a:rPr>
              <a:t> advice to clerks about keeping adequate records</a:t>
            </a:r>
          </a:p>
        </p:txBody>
      </p:sp>
    </p:spTree>
    <p:extLst>
      <p:ext uri="{BB962C8B-B14F-4D97-AF65-F5344CB8AC3E}">
        <p14:creationId xmlns:p14="http://schemas.microsoft.com/office/powerpoint/2010/main" val="26573639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AE1B8C94-A80E-4CED-9BD9-0C036CA38C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6"/>
            <a:ext cx="10515600" cy="1066110"/>
          </a:xfrm>
        </p:spPr>
        <p:txBody>
          <a:bodyPr>
            <a:normAutofit/>
          </a:bodyPr>
          <a:lstStyle/>
          <a:p>
            <a:pPr algn="ctr"/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Chapter 16 - Quaker Marriage Procedur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="" xmlns:a16="http://schemas.microsoft.com/office/drawing/2014/main" id="{BBB8799B-C110-4248-A204-A02E1DDF76E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7" y="1612036"/>
            <a:ext cx="3023295" cy="436876"/>
          </a:xfrm>
        </p:spPr>
        <p:txBody>
          <a:bodyPr>
            <a:noAutofit/>
          </a:bodyPr>
          <a:lstStyle/>
          <a:p>
            <a:r>
              <a:rPr lang="en-GB" sz="3200" dirty="0">
                <a:latin typeface="Arial" panose="020B0604020202020204" pitchFamily="34" charset="0"/>
                <a:cs typeface="Arial" panose="020B0604020202020204" pitchFamily="34" charset="0"/>
              </a:rPr>
              <a:t>Core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EDB9D821-D1B0-40F0-AF23-9C3477F1F66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146852"/>
            <a:ext cx="4686368" cy="4042811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sz="4000" dirty="0">
                <a:latin typeface="Arial" panose="020B0604020202020204" pitchFamily="34" charset="0"/>
                <a:cs typeface="Arial" panose="020B0604020202020204" pitchFamily="34" charset="0"/>
              </a:rPr>
              <a:t>1-15 The meaning of marriage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="" xmlns:a16="http://schemas.microsoft.com/office/drawing/2014/main" id="{25F92003-7E28-4FA6-A003-7920E788B8A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5870711" y="1681164"/>
            <a:ext cx="3352802" cy="367748"/>
          </a:xfrm>
        </p:spPr>
        <p:txBody>
          <a:bodyPr>
            <a:noAutofit/>
          </a:bodyPr>
          <a:lstStyle/>
          <a:p>
            <a:r>
              <a:rPr lang="en-GB" sz="3200" dirty="0">
                <a:latin typeface="Arial" panose="020B0604020202020204" pitchFamily="34" charset="0"/>
                <a:cs typeface="Arial" panose="020B0604020202020204" pitchFamily="34" charset="0"/>
              </a:rPr>
              <a:t>Supplementary</a:t>
            </a:r>
            <a:r>
              <a:rPr lang="en-GB" sz="3200" dirty="0"/>
              <a:t>?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="" xmlns:a16="http://schemas.microsoft.com/office/drawing/2014/main" id="{B8A7EC8F-81E7-4B7E-9A7A-ACB1A5BF9A7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5870712" y="2168181"/>
            <a:ext cx="5484675" cy="4021482"/>
          </a:xfrm>
        </p:spPr>
        <p:txBody>
          <a:bodyPr>
            <a:normAutofit fontScale="92500"/>
          </a:bodyPr>
          <a:lstStyle/>
          <a:p>
            <a:pPr marL="0" indent="0">
              <a:buNone/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16 Conversions of civil partnerships</a:t>
            </a:r>
          </a:p>
          <a:p>
            <a:pPr marL="0" indent="0">
              <a:buNone/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17-21 Summary of procedure</a:t>
            </a:r>
          </a:p>
          <a:p>
            <a:pPr marL="0" indent="0">
              <a:buNone/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22-24 Registering Officers</a:t>
            </a:r>
          </a:p>
          <a:p>
            <a:pPr marL="0" indent="0">
              <a:buNone/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25-32 Detailed marriage procedure</a:t>
            </a:r>
          </a:p>
          <a:p>
            <a:pPr marL="0" indent="0">
              <a:buNone/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33-45 Civil law requirements</a:t>
            </a:r>
          </a:p>
          <a:p>
            <a:pPr marL="0" indent="0">
              <a:buNone/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46-56 The Quaker marriage</a:t>
            </a:r>
          </a:p>
          <a:p>
            <a:pPr marL="0" indent="0">
              <a:buNone/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57-65 Recording of marriages</a:t>
            </a:r>
          </a:p>
          <a:p>
            <a:pPr marL="0" indent="0">
              <a:buNone/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66-67 Celebration of commitment</a:t>
            </a:r>
          </a:p>
        </p:txBody>
      </p:sp>
    </p:spTree>
    <p:extLst>
      <p:ext uri="{BB962C8B-B14F-4D97-AF65-F5344CB8AC3E}">
        <p14:creationId xmlns:p14="http://schemas.microsoft.com/office/powerpoint/2010/main" val="14142467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8BEFFE5E-949C-43B2-B997-67FCDC7F5C4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 algn="ctr">
              <a:buNone/>
            </a:pPr>
            <a:r>
              <a:rPr lang="en-GB" sz="6600" dirty="0">
                <a:latin typeface="Arial" panose="020B0604020202020204" pitchFamily="34" charset="0"/>
                <a:cs typeface="Arial" panose="020B0604020202020204" pitchFamily="34" charset="0"/>
              </a:rPr>
              <a:t>Theism/</a:t>
            </a:r>
            <a:r>
              <a:rPr lang="en-GB" sz="6600" dirty="0" err="1">
                <a:latin typeface="Arial" panose="020B0604020202020204" pitchFamily="34" charset="0"/>
                <a:cs typeface="Arial" panose="020B0604020202020204" pitchFamily="34" charset="0"/>
              </a:rPr>
              <a:t>Nontheism</a:t>
            </a:r>
            <a:endParaRPr lang="en-GB" sz="6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 algn="ctr">
              <a:buNone/>
            </a:pPr>
            <a:endParaRPr lang="en-GB" sz="6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 algn="ctr">
              <a:buNone/>
            </a:pPr>
            <a:r>
              <a:rPr lang="en-GB" sz="6600" dirty="0">
                <a:latin typeface="Arial" panose="020B0604020202020204" pitchFamily="34" charset="0"/>
                <a:cs typeface="Arial" panose="020B0604020202020204" pitchFamily="34" charset="0"/>
              </a:rPr>
              <a:t>Religious Difference</a:t>
            </a:r>
          </a:p>
        </p:txBody>
      </p:sp>
      <p:sp>
        <p:nvSpPr>
          <p:cNvPr id="8" name="Diagonal Stripe 7">
            <a:extLst>
              <a:ext uri="{FF2B5EF4-FFF2-40B4-BE49-F238E27FC236}">
                <a16:creationId xmlns="" xmlns:a16="http://schemas.microsoft.com/office/drawing/2014/main" id="{FF9A4795-777E-4B9C-9E9B-FC4ED65066A3}"/>
              </a:ext>
            </a:extLst>
          </p:cNvPr>
          <p:cNvSpPr/>
          <p:nvPr/>
        </p:nvSpPr>
        <p:spPr>
          <a:xfrm>
            <a:off x="2703443" y="2120348"/>
            <a:ext cx="7103166" cy="569843"/>
          </a:xfrm>
          <a:prstGeom prst="diagStripe">
            <a:avLst>
              <a:gd name="adj" fmla="val 84884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77009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50281" y="0"/>
            <a:ext cx="6091437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87020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Content Placeholder 3">
            <a:extLst>
              <a:ext uri="{FF2B5EF4-FFF2-40B4-BE49-F238E27FC236}">
                <a16:creationId xmlns="" xmlns:a16="http://schemas.microsoft.com/office/drawing/2014/main" id="{72D79241-72CC-45A9-8629-EB9FCC0E66FB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24011" y="0"/>
            <a:ext cx="4369301" cy="67455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722927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>
            <a:extLst>
              <a:ext uri="{FF2B5EF4-FFF2-40B4-BE49-F238E27FC236}">
                <a16:creationId xmlns="" xmlns:a16="http://schemas.microsoft.com/office/drawing/2014/main" id="{81C63D8F-660F-47F3-B672-0FC1C000FE8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100667"/>
            <a:ext cx="10515600" cy="5076296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GB" sz="60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>
              <a:buNone/>
            </a:pPr>
            <a:endParaRPr lang="en-GB" sz="6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GB" sz="6000" dirty="0" smtClean="0">
                <a:latin typeface="Arial" panose="020B0604020202020204" pitchFamily="34" charset="0"/>
                <a:cs typeface="Arial" panose="020B0604020202020204" pitchFamily="34" charset="0"/>
              </a:rPr>
              <a:t>Listening </a:t>
            </a:r>
            <a:r>
              <a:rPr lang="en-GB" sz="6000" dirty="0">
                <a:latin typeface="Arial" panose="020B0604020202020204" pitchFamily="34" charset="0"/>
                <a:cs typeface="Arial" panose="020B0604020202020204" pitchFamily="34" charset="0"/>
              </a:rPr>
              <a:t>Openheartedly</a:t>
            </a:r>
          </a:p>
        </p:txBody>
      </p:sp>
    </p:spTree>
    <p:extLst>
      <p:ext uri="{BB962C8B-B14F-4D97-AF65-F5344CB8AC3E}">
        <p14:creationId xmlns:p14="http://schemas.microsoft.com/office/powerpoint/2010/main" val="6469927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837339C6-6988-43C8-B269-D8BBE1D88B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Subatomic particles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89434" y="1520575"/>
            <a:ext cx="6395663" cy="47967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24114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98EE21BB-B9E0-4600-B2E4-F2EB2167ACC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What </a:t>
            </a:r>
            <a:r>
              <a:rPr lang="en-GB" dirty="0" smtClean="0">
                <a:latin typeface="Arial" panose="020B0604020202020204" pitchFamily="34" charset="0"/>
                <a:cs typeface="Arial" panose="020B0604020202020204" pitchFamily="34" charset="0"/>
              </a:rPr>
              <a:t>canst </a:t>
            </a: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thou say?</a:t>
            </a:r>
          </a:p>
        </p:txBody>
      </p:sp>
    </p:spTree>
    <p:extLst>
      <p:ext uri="{BB962C8B-B14F-4D97-AF65-F5344CB8AC3E}">
        <p14:creationId xmlns:p14="http://schemas.microsoft.com/office/powerpoint/2010/main" val="10591572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77BF4CD5-4C34-4610-B295-5D97E4C325E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Don’t do half a job</a:t>
            </a:r>
          </a:p>
        </p:txBody>
      </p:sp>
    </p:spTree>
    <p:extLst>
      <p:ext uri="{BB962C8B-B14F-4D97-AF65-F5344CB8AC3E}">
        <p14:creationId xmlns:p14="http://schemas.microsoft.com/office/powerpoint/2010/main" val="19076989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71F04555-5182-4619-A2B5-A4851594B9D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490557" y="968188"/>
            <a:ext cx="10002195" cy="4123765"/>
          </a:xfrm>
        </p:spPr>
        <p:txBody>
          <a:bodyPr>
            <a:normAutofit fontScale="90000"/>
          </a:bodyPr>
          <a:lstStyle/>
          <a:p>
            <a:pPr algn="l">
              <a:lnSpc>
                <a:spcPct val="108000"/>
              </a:lnSpc>
            </a:pP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Don’t do half a job</a:t>
            </a:r>
            <a:b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Core / Supplementary split</a:t>
            </a:r>
            <a:b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Difference a richness not a flaw</a:t>
            </a:r>
            <a:b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Be creative</a:t>
            </a:r>
          </a:p>
        </p:txBody>
      </p:sp>
    </p:spTree>
    <p:extLst>
      <p:ext uri="{BB962C8B-B14F-4D97-AF65-F5344CB8AC3E}">
        <p14:creationId xmlns:p14="http://schemas.microsoft.com/office/powerpoint/2010/main" val="24410131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203DB7A6-E880-4DAC-9039-E43FA5D549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23364" y="2504667"/>
            <a:ext cx="10515600" cy="1325563"/>
          </a:xfrm>
        </p:spPr>
        <p:txBody>
          <a:bodyPr/>
          <a:lstStyle/>
          <a:p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Speaking as me not clerk of RPG</a:t>
            </a:r>
          </a:p>
        </p:txBody>
      </p:sp>
    </p:spTree>
    <p:extLst>
      <p:ext uri="{BB962C8B-B14F-4D97-AF65-F5344CB8AC3E}">
        <p14:creationId xmlns:p14="http://schemas.microsoft.com/office/powerpoint/2010/main" val="31857199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AD38B816-87B7-4ACB-A8D4-38903BD84E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Arial" panose="020B0604020202020204" pitchFamily="34" charset="0"/>
                <a:cs typeface="Arial" panose="020B0604020202020204" pitchFamily="34" charset="0"/>
              </a:rPr>
              <a:t>Patching and </a:t>
            </a:r>
            <a:r>
              <a:rPr lang="en-GB" dirty="0" err="1">
                <a:latin typeface="Arial" panose="020B0604020202020204" pitchFamily="34" charset="0"/>
                <a:cs typeface="Arial" panose="020B0604020202020204" pitchFamily="34" charset="0"/>
              </a:rPr>
              <a:t>repatching</a:t>
            </a:r>
            <a:endParaRPr lang="en-GB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3129" y="1420906"/>
            <a:ext cx="4024032" cy="53653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399389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5506" y="188259"/>
            <a:ext cx="4285128" cy="6465726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00043" y="1309818"/>
            <a:ext cx="7391957" cy="39621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7272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7">
            <a:extLst>
              <a:ext uri="{FF2B5EF4-FFF2-40B4-BE49-F238E27FC236}">
                <a16:creationId xmlns:a16="http://schemas.microsoft.com/office/drawing/2014/main" xmlns="" id="{4602D5C2-77F2-485C-88E2-E680A431AD17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81" t="8884" r="6974" b="7777"/>
          <a:stretch/>
        </p:blipFill>
        <p:spPr>
          <a:xfrm>
            <a:off x="0" y="972669"/>
            <a:ext cx="5795204" cy="4518212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03577" y="999564"/>
            <a:ext cx="5988423" cy="44913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30295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Content Placeholder 4">
            <a:extLst>
              <a:ext uri="{FF2B5EF4-FFF2-40B4-BE49-F238E27FC236}">
                <a16:creationId xmlns:a16="http://schemas.microsoft.com/office/drawing/2014/main" xmlns="" id="{1199DE1F-4207-954E-8FD8-06A8FC0D93D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-25256" y="1033787"/>
            <a:ext cx="5160393" cy="5109881"/>
          </a:xfrm>
          <a:prstGeom prst="rect">
            <a:avLst/>
          </a:prstGeom>
          <a:scene3d>
            <a:camera prst="orthographicFront">
              <a:rot lat="0" lon="0" rev="5400000"/>
            </a:camera>
            <a:lightRig rig="threePt" dir="t"/>
          </a:scene3d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11906" y="1008531"/>
            <a:ext cx="6580094" cy="49350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503374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mtClean="0">
                <a:solidFill>
                  <a:schemeClr val="accent2"/>
                </a:solidFill>
                <a:latin typeface="Calibri" panose="020F0502020204030204" pitchFamily="34" charset="0"/>
              </a:rPr>
              <a:t>1900</a:t>
            </a:r>
            <a:endParaRPr lang="en-GB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TB_00000000000000000000000000000000_ElapsedTime"/>
          <p:cNvSpPr/>
          <p:nvPr>
            <p:custDataLst>
              <p:tags r:id="rId4"/>
            </p:custDataLst>
          </p:nvPr>
        </p:nvSpPr>
        <p:spPr>
          <a:xfrm>
            <a:off x="844465" y="3048000"/>
            <a:ext cx="102870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B_00000000000000000000000000000000_TodayMarkerShape"/>
          <p:cNvSpPr/>
          <p:nvPr>
            <p:custDataLst>
              <p:tags r:id="rId5"/>
            </p:custDataLst>
          </p:nvPr>
        </p:nvSpPr>
        <p:spPr>
          <a:xfrm>
            <a:off x="9505226" y="3492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TB_00000000000000000000000000000000_TodayMarkerText"/>
          <p:cNvSpPr txBox="1"/>
          <p:nvPr>
            <p:custDataLst>
              <p:tags r:id="rId6"/>
            </p:custDataLst>
          </p:nvPr>
        </p:nvSpPr>
        <p:spPr>
          <a:xfrm>
            <a:off x="9435376" y="3683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B_00000000000000000000000000000000_TimescaleInterval1"/>
          <p:cNvSpPr txBox="1"/>
          <p:nvPr>
            <p:custDataLst>
              <p:tags r:id="rId7"/>
            </p:custDataLst>
          </p:nvPr>
        </p:nvSpPr>
        <p:spPr>
          <a:xfrm>
            <a:off x="107306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00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2" name="OTLSHAPE_TB_00000000000000000000000000000000_Separator1"/>
          <p:cNvCxnSpPr/>
          <p:nvPr>
            <p:custDataLst>
              <p:tags r:id="rId8"/>
            </p:custDataLst>
          </p:nvPr>
        </p:nvCxnSpPr>
        <p:spPr>
          <a:xfrm>
            <a:off x="2462799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52629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20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4" name="OTLSHAPE_TB_00000000000000000000000000000000_Separator2"/>
          <p:cNvCxnSpPr/>
          <p:nvPr>
            <p:custDataLst>
              <p:tags r:id="rId10"/>
            </p:custDataLst>
          </p:nvPr>
        </p:nvCxnSpPr>
        <p:spPr>
          <a:xfrm>
            <a:off x="3916033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OTLSHAPE_TB_00000000000000000000000000000000_TimescaleInterval3"/>
          <p:cNvSpPr txBox="1"/>
          <p:nvPr>
            <p:custDataLst>
              <p:tags r:id="rId11"/>
            </p:custDataLst>
          </p:nvPr>
        </p:nvSpPr>
        <p:spPr>
          <a:xfrm>
            <a:off x="3979533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40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" name="OTLSHAPE_TB_00000000000000000000000000000000_Separator3"/>
          <p:cNvCxnSpPr/>
          <p:nvPr>
            <p:custDataLst>
              <p:tags r:id="rId12"/>
            </p:custDataLst>
          </p:nvPr>
        </p:nvCxnSpPr>
        <p:spPr>
          <a:xfrm>
            <a:off x="5369266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OTLSHAPE_TB_00000000000000000000000000000000_TimescaleInterval4"/>
          <p:cNvSpPr txBox="1"/>
          <p:nvPr>
            <p:custDataLst>
              <p:tags r:id="rId13"/>
            </p:custDataLst>
          </p:nvPr>
        </p:nvSpPr>
        <p:spPr>
          <a:xfrm>
            <a:off x="5432766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60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" name="OTLSHAPE_TB_00000000000000000000000000000000_Separator4"/>
          <p:cNvCxnSpPr/>
          <p:nvPr>
            <p:custDataLst>
              <p:tags r:id="rId14"/>
            </p:custDataLst>
          </p:nvPr>
        </p:nvCxnSpPr>
        <p:spPr>
          <a:xfrm>
            <a:off x="682250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TB_00000000000000000000000000000000_TimescaleInterval5"/>
          <p:cNvSpPr txBox="1"/>
          <p:nvPr>
            <p:custDataLst>
              <p:tags r:id="rId15"/>
            </p:custDataLst>
          </p:nvPr>
        </p:nvSpPr>
        <p:spPr>
          <a:xfrm>
            <a:off x="6886000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80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0" name="OTLSHAPE_TB_00000000000000000000000000000000_Separator5"/>
          <p:cNvCxnSpPr/>
          <p:nvPr>
            <p:custDataLst>
              <p:tags r:id="rId16"/>
            </p:custDataLst>
          </p:nvPr>
        </p:nvCxnSpPr>
        <p:spPr>
          <a:xfrm>
            <a:off x="8275968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OTLSHAPE_TB_00000000000000000000000000000000_TimescaleInterval6"/>
          <p:cNvSpPr txBox="1"/>
          <p:nvPr>
            <p:custDataLst>
              <p:tags r:id="rId17"/>
            </p:custDataLst>
          </p:nvPr>
        </p:nvSpPr>
        <p:spPr>
          <a:xfrm>
            <a:off x="8339468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2" name="OTLSHAPE_TB_00000000000000000000000000000000_Separator6"/>
          <p:cNvCxnSpPr/>
          <p:nvPr>
            <p:custDataLst>
              <p:tags r:id="rId18"/>
            </p:custDataLst>
          </p:nvPr>
        </p:nvCxnSpPr>
        <p:spPr>
          <a:xfrm>
            <a:off x="9729201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TB_00000000000000000000000000000000_TimescaleInterval7"/>
          <p:cNvSpPr txBox="1"/>
          <p:nvPr>
            <p:custDataLst>
              <p:tags r:id="rId19"/>
            </p:custDataLst>
          </p:nvPr>
        </p:nvSpPr>
        <p:spPr>
          <a:xfrm>
            <a:off x="9792701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5cd01e60c31d4676b5df0fae3ee025b2_ShapePercentage" hidden="1"/>
          <p:cNvSpPr/>
          <p:nvPr>
            <p:custDataLst>
              <p:tags r:id="rId20"/>
            </p:custDataLst>
          </p:nvPr>
        </p:nvSpPr>
        <p:spPr>
          <a:xfrm>
            <a:off x="1009565" y="39452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" name="OTLSHAPE_T_5cd01e60c31d4676b5df0fae3ee025b2_Duration" hidden="1"/>
          <p:cNvSpPr txBox="1"/>
          <p:nvPr>
            <p:custDataLst>
              <p:tags r:id="rId21"/>
            </p:custDataLst>
          </p:nvPr>
        </p:nvSpPr>
        <p:spPr>
          <a:xfrm>
            <a:off x="0" y="3945255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304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5cd01e60c31d4676b5df0fae3ee025b2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5cd01e60c31d4676b5df0fae3ee025b2_JoinedDate" hidden="1"/>
          <p:cNvSpPr txBox="1"/>
          <p:nvPr>
            <p:custDataLst>
              <p:tags r:id="rId23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5cd01e60c31d4676b5df0fae3ee025b2_Title"/>
          <p:cNvSpPr txBox="1"/>
          <p:nvPr>
            <p:custDataLst>
              <p:tags r:id="rId24"/>
            </p:custDataLst>
          </p:nvPr>
        </p:nvSpPr>
        <p:spPr>
          <a:xfrm>
            <a:off x="1378020" y="2047976"/>
            <a:ext cx="42874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14" dirty="0" smtClean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06</a:t>
            </a:r>
            <a:endParaRPr lang="en-GB" sz="1400" b="1" spc="-14" dirty="0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3" name="OTLSHAPE_T_f7a059d0cc6b4d75b22ad88daa61add6_ShapePercentage" hidden="1"/>
          <p:cNvSpPr/>
          <p:nvPr>
            <p:custDataLst>
              <p:tags r:id="rId25"/>
            </p:custDataLst>
          </p:nvPr>
        </p:nvSpPr>
        <p:spPr>
          <a:xfrm>
            <a:off x="1009565" y="42119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" name="OTLSHAPE_T_f7a059d0cc6b4d75b22ad88daa61add6_Duration" hidden="1"/>
          <p:cNvSpPr txBox="1"/>
          <p:nvPr>
            <p:custDataLst>
              <p:tags r:id="rId26"/>
            </p:custDataLst>
          </p:nvPr>
        </p:nvSpPr>
        <p:spPr>
          <a:xfrm>
            <a:off x="0" y="4211955"/>
            <a:ext cx="584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3216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f7a059d0cc6b4d75b22ad88daa61add6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f7a059d0cc6b4d75b22ad88daa61add6_JoinedDate" hidden="1"/>
          <p:cNvSpPr txBox="1"/>
          <p:nvPr>
            <p:custDataLst>
              <p:tags r:id="rId2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f7a059d0cc6b4d75b22ad88daa61add6_Title"/>
          <p:cNvSpPr txBox="1"/>
          <p:nvPr>
            <p:custDataLst>
              <p:tags r:id="rId29"/>
            </p:custDataLst>
          </p:nvPr>
        </p:nvSpPr>
        <p:spPr>
          <a:xfrm>
            <a:off x="1980616" y="1502884"/>
            <a:ext cx="54568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14" dirty="0" smtClean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17</a:t>
            </a:r>
            <a:endParaRPr lang="en-GB" sz="1400" b="1" spc="-14" dirty="0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1" name="OTLSHAPE_T_fecdc54d00654e27ba030cd46d25ff80_ShapePercentage" hidden="1"/>
          <p:cNvSpPr/>
          <p:nvPr>
            <p:custDataLst>
              <p:tags r:id="rId30"/>
            </p:custDataLst>
          </p:nvPr>
        </p:nvSpPr>
        <p:spPr>
          <a:xfrm>
            <a:off x="2719087" y="44786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T_fecdc54d00654e27ba030cd46d25ff80_Duration" hidden="1"/>
          <p:cNvSpPr txBox="1"/>
          <p:nvPr>
            <p:custDataLst>
              <p:tags r:id="rId31"/>
            </p:custDataLst>
          </p:nvPr>
        </p:nvSpPr>
        <p:spPr>
          <a:xfrm>
            <a:off x="0" y="4478655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305 days</a:t>
            </a:r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fecdc54d00654e27ba030cd46d25ff80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fecdc54d00654e27ba030cd46d25ff80_JoinedDate" hidden="1"/>
          <p:cNvSpPr txBox="1"/>
          <p:nvPr>
            <p:custDataLst>
              <p:tags r:id="rId33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fecdc54d00654e27ba030cd46d25ff80_Title"/>
          <p:cNvSpPr txBox="1"/>
          <p:nvPr>
            <p:custDataLst>
              <p:tags r:id="rId34"/>
            </p:custDataLst>
          </p:nvPr>
        </p:nvSpPr>
        <p:spPr>
          <a:xfrm>
            <a:off x="3154010" y="2033802"/>
            <a:ext cx="44850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14" dirty="0" smtClean="0">
                <a:solidFill>
                  <a:schemeClr val="dk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31</a:t>
            </a:r>
            <a:endParaRPr lang="en-GB" sz="1400" b="1" spc="-14" dirty="0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8" name="TextBox 87"/>
          <p:cNvSpPr txBox="1"/>
          <p:nvPr/>
        </p:nvSpPr>
        <p:spPr>
          <a:xfrm>
            <a:off x="5737721" y="1833747"/>
            <a:ext cx="61694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1967</a:t>
            </a:r>
            <a:endParaRPr lang="en-GB" sz="14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0" name="TextBox 89"/>
          <p:cNvSpPr txBox="1"/>
          <p:nvPr/>
        </p:nvSpPr>
        <p:spPr>
          <a:xfrm>
            <a:off x="9353319" y="1985179"/>
            <a:ext cx="37588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?</a:t>
            </a:r>
            <a:endParaRPr lang="en-GB" sz="20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2" name="Straight Arrow Connector 91"/>
          <p:cNvCxnSpPr>
            <a:stCxn id="71" idx="2"/>
          </p:cNvCxnSpPr>
          <p:nvPr/>
        </p:nvCxnSpPr>
        <p:spPr>
          <a:xfrm flipH="1">
            <a:off x="1586429" y="2263420"/>
            <a:ext cx="5964" cy="784580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94" name="Straight Arrow Connector 93"/>
          <p:cNvCxnSpPr>
            <a:stCxn id="79" idx="2"/>
          </p:cNvCxnSpPr>
          <p:nvPr/>
        </p:nvCxnSpPr>
        <p:spPr>
          <a:xfrm flipH="1">
            <a:off x="2253457" y="1718328"/>
            <a:ext cx="1" cy="1329672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96" name="Straight Arrow Connector 95"/>
          <p:cNvCxnSpPr>
            <a:stCxn id="87" idx="2"/>
          </p:cNvCxnSpPr>
          <p:nvPr/>
        </p:nvCxnSpPr>
        <p:spPr>
          <a:xfrm>
            <a:off x="3378263" y="2249246"/>
            <a:ext cx="0" cy="798754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98" name="Straight Arrow Connector 97"/>
          <p:cNvCxnSpPr>
            <a:stCxn id="88" idx="2"/>
          </p:cNvCxnSpPr>
          <p:nvPr/>
        </p:nvCxnSpPr>
        <p:spPr>
          <a:xfrm flipH="1">
            <a:off x="6046193" y="2141524"/>
            <a:ext cx="1" cy="906476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100" name="Straight Arrow Connector 99"/>
          <p:cNvCxnSpPr/>
          <p:nvPr/>
        </p:nvCxnSpPr>
        <p:spPr>
          <a:xfrm flipH="1">
            <a:off x="9541258" y="2385289"/>
            <a:ext cx="1" cy="662711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102" name="TextBox 101"/>
          <p:cNvSpPr txBox="1"/>
          <p:nvPr/>
        </p:nvSpPr>
        <p:spPr>
          <a:xfrm>
            <a:off x="958467" y="4504247"/>
            <a:ext cx="990416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Revisions (not reviews) of Church Government</a:t>
            </a:r>
            <a:endParaRPr lang="en-GB" sz="3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8263879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Content Placeholder 3">
            <a:extLst>
              <a:ext uri="{FF2B5EF4-FFF2-40B4-BE49-F238E27FC236}">
                <a16:creationId xmlns="" xmlns:a16="http://schemas.microsoft.com/office/drawing/2014/main" id="{3E65E8C6-4F0A-4F97-82CC-B97C9BE15EF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09628" y="0"/>
            <a:ext cx="9226105" cy="69195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820409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Content Placeholder 4">
            <a:extLst>
              <a:ext uri="{FF2B5EF4-FFF2-40B4-BE49-F238E27FC236}">
                <a16:creationId xmlns:a16="http://schemas.microsoft.com/office/drawing/2014/main" xmlns="" id="{CA655B6A-68C1-434E-AC84-7A2F23F76E3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40100" t="46479"/>
          <a:stretch/>
        </p:blipFill>
        <p:spPr>
          <a:xfrm>
            <a:off x="0" y="791646"/>
            <a:ext cx="5129479" cy="5402967"/>
          </a:xfrm>
          <a:prstGeom prst="rect">
            <a:avLst/>
          </a:prstGeom>
          <a:scene3d>
            <a:camera prst="orthographicFront">
              <a:rot lat="0" lon="0" rev="5400000"/>
            </a:camera>
            <a:lightRig rig="threePt" dir="t"/>
          </a:scene3d>
        </p:spPr>
      </p:pic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xmlns="" id="{16778393-6DFD-4071-8B98-1F6B3ED153C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51149" y="978929"/>
            <a:ext cx="6440851" cy="50812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324412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0288"/>
            <a:ext cx="6482993" cy="4982966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6626831" y="897280"/>
            <a:ext cx="5462429" cy="47089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30000" dirty="0" smtClean="0">
                <a:latin typeface="Arial" panose="020B0604020202020204" pitchFamily="34" charset="0"/>
                <a:cs typeface="Arial" panose="020B0604020202020204" pitchFamily="34" charset="0"/>
              </a:rPr>
              <a:t>?</a:t>
            </a:r>
            <a:endParaRPr lang="en-GB" sz="30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748284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50" y="0"/>
            <a:ext cx="51435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86822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iIsIk9yaWdpbmFsQXNzZW1ibHlWZXJzaW9uIjoiMy4yMy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AsIkciOjExNCwiQiI6MTg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Y4LCJHIjoxMTQsIkIiOjE5Nn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k2MC4wLCJNYXhIZWlnaHQiOiJJbmZpbml0eSIsIlNtYXJ0Rm9yZWdyb3VuZElzQWN0aXZlIjpmYWxzZSwiSG9yaXpvbnRhbEFsaWdubWVudCI6MS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xMTcifSwiSXNWaXNpYmxlIjp0cnVlLCJXaWR0aCI6MC4wLCJIZWlnaHQiOjAuMCwiQm9yZGVyU3R5bGUiOnsiJGlkIjoiMTU1IiwiTGluZUNvbG9yIjpudWxsLCJMaW5lV2VpZ2h0IjowLjAsIkxpbmVUeXBlIjowLCJQYXJlbnRTdHlsZSI6bnVsbH0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TYyIn0sIklkIjoiNWNkMDFlNjAtYzMxZC00Njc2LWI1ZGYtMGZhZTNlZTAyNWIyIiwiSW1wb3J0SWQiOm51bGwsIlRpdGxlIjoiMTkwNiIsIk5vdGUiOm51bGwsIkh5cGVybGluayI6bnVsbCwiSXNDaGFuZ2VkIjpmYWxzZSwiSXNOZXciOmZhbHNlfSx7IiRpZCI6IjE2MyIsIkdyb3VwTmFtZSI6bnVsbCwiU3RhcnREYXRlIjoiMTkwMC0wMS0wMVQwMDowMDowMCIsIkVuZERhdGUiOiIyMDE4LTA0LTI3VDIzOjU5OjAwIiwiUGVyY2VudGFnZUNvbXBsZXRlIjpudWxsLCJTdHlsZSI6eyIkaWQiOiIxNjQiLCJTaGFwZSI6Mi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JmN2EwNTlkMC1jYzZiLTRkNzUtYjIyYS1kODhkYWE2MWFkZDYiLCJJbXBvcnRJZCI6bnVsbCwiVGl0bGUiOiIxOTE3IiwiTm90ZSI6bnVsbCwiSHlwZXJsaW5rIjpudWxsLCJJc0NoYW5nZWQiOmZhbHNlLCJJc05ldyI6ZmFsc2V9LHsiJGlkIjoiMTk4IiwiR3JvdXBOYW1lIjpudWxsLCJTdGFydERhdGUiOiIxOTIwLTAxLTAxVDAwOjAwOjAwIiwiRW5kRGF0ZSI6IjE5MzktMTItMzFUMjM6NTk6MDAiLCJQZXJjZW50YWdlQ29tcGxldGUiOm51bGwsIlN0eWxlIjp7IiRpZCI6IjE5OSIsIlNoYXBlIjoy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HJlZiI6IjEyMS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mZlY2RjNTRkLTAwNjUtNGUyNy1iYTAzLTBjZDQ2ZDI1ZmY4MCIsIkltcG9ydElkIjpudWxsLCJUaXRsZSI6IjE5MzEiLCJOb3RlIjpudWxsLCJIeXBlcmxpbmsiOm51bGwsIklzQ2hhbmdlZCI6ZmFsc2UsIklzTmV3IjpmYWxzZX1dLCJNc1Byb2plY3RJdGVtc1RyZWUiOnsiJGlkIjoiMjMzIiwiUm9vdCI6eyJJbXBvcnRJZCI6bnVsbCwiSXNJbXBvcnRlZCI6ZmFsc2UsIkNoaWxkcmVuIjpbXX19LCJNZXRhZGF0YSI6eyIkaWQiOiIyMzQiLCJSZWNlbnRDb2xvcnNDb2xsZWN0aW9uIjoiW10ifSwiU2V0dGluZ3MiOnsiJGlkIjoiMjM1IiwiSW1wYU9wdGlvbnMiOnsiJGlkIjoiMjM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yMzc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584</TotalTime>
  <Words>158</Words>
  <Application>Microsoft Office PowerPoint</Application>
  <PresentationFormat>Widescreen</PresentationFormat>
  <Paragraphs>61</Paragraphs>
  <Slides>2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8</vt:i4>
      </vt:variant>
    </vt:vector>
  </HeadingPairs>
  <TitlesOfParts>
    <vt:vector size="32" baseType="lpstr">
      <vt:lpstr>Arial</vt:lpstr>
      <vt:lpstr>Calibri</vt:lpstr>
      <vt:lpstr>Calibri Light</vt:lpstr>
      <vt:lpstr>Office Theme</vt:lpstr>
      <vt:lpstr>BODRPG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Chapter 16 - Quaker Marriage Procedure</vt:lpstr>
      <vt:lpstr>PowerPoint Presentation</vt:lpstr>
      <vt:lpstr>PowerPoint Presentation</vt:lpstr>
      <vt:lpstr>PowerPoint Presentation</vt:lpstr>
      <vt:lpstr>Subatomic particles</vt:lpstr>
      <vt:lpstr>What canst thou say?</vt:lpstr>
      <vt:lpstr>Don’t do half a job</vt:lpstr>
      <vt:lpstr>Don’t do half a job Core / Supplementary split Difference a richness not a flaw Be creative</vt:lpstr>
      <vt:lpstr>Speaking as me not clerk of RPG</vt:lpstr>
      <vt:lpstr>Patching and repatching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1964</dc:title>
  <dc:creator>a.lesley.richards@outlook.com</dc:creator>
  <cp:lastModifiedBy>annew</cp:lastModifiedBy>
  <cp:revision>63</cp:revision>
  <dcterms:created xsi:type="dcterms:W3CDTF">2017-11-29T08:24:00Z</dcterms:created>
  <dcterms:modified xsi:type="dcterms:W3CDTF">2018-05-10T05:30:45Z</dcterms:modified>
</cp:coreProperties>
</file>